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persons/person.xml" ContentType="application/vnd.ms-excel.person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30026"/>
  <workbookPr/>
  <mc:AlternateContent xmlns:mc="http://schemas.openxmlformats.org/markup-compatibility/2006">
    <mc:Choice Requires="x15">
      <x15ac:absPath xmlns:x15ac="http://schemas.microsoft.com/office/spreadsheetml/2010/11/ac" url="https://d.docs.live.net/13a774a81716ba26/Documents/CCP (APR 2025)/5 AGAR AUDIT/ARAR 2025-26/AGAR FORMS/"/>
    </mc:Choice>
  </mc:AlternateContent>
  <xr:revisionPtr revIDLastSave="294" documentId="8_{0727A778-851E-41DC-9D3C-1501E5B01C56}" xr6:coauthVersionLast="47" xr6:coauthVersionMax="47" xr10:uidLastSave="{89BB5A00-1162-4CC4-AEA6-D1EAB0A8F673}"/>
  <bookViews>
    <workbookView xWindow="-108" yWindow="-108" windowWidth="23256" windowHeight="13896" tabRatio="874" activeTab="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fileRecoveryPr repairLoad="1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11" i="13" l="1"/>
  <c r="E9" i="13"/>
  <c r="E10" i="13"/>
  <c r="E12" i="13"/>
  <c r="B30" i="7"/>
  <c r="D14" i="13"/>
  <c r="C14" i="13"/>
  <c r="E34" i="11"/>
  <c r="C34" i="11"/>
  <c r="C40" i="11"/>
  <c r="B40" i="11"/>
  <c r="D39" i="11"/>
  <c r="D38" i="11"/>
  <c r="D37" i="11"/>
  <c r="C13" i="13"/>
  <c r="D13" i="13"/>
  <c r="G13" i="13" l="1"/>
  <c r="D40" i="11"/>
  <c r="E18" i="14"/>
  <c r="E15" i="14"/>
  <c r="D4" i="14"/>
  <c r="F8" i="13"/>
  <c r="H8" i="13" s="1"/>
  <c r="E17" i="13"/>
  <c r="G17" i="13" s="1"/>
  <c r="E16" i="13"/>
  <c r="G16" i="13" s="1"/>
  <c r="G9" i="13"/>
  <c r="G10" i="13"/>
  <c r="G11" i="13"/>
  <c r="G12" i="13"/>
  <c r="E8" i="13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8" i="13" l="1"/>
  <c r="F19" i="14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8" i="10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8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61" uniqueCount="95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 xml:space="preserve">10 Parish maintenance </t>
  </si>
  <si>
    <t>2. Admin (Clerk Exp, H-Off, hall, Prof-subs)</t>
  </si>
  <si>
    <t>3. CBLNR</t>
  </si>
  <si>
    <t>4. Publicity/ Newsletter / Website</t>
  </si>
  <si>
    <t>5. Property Exp / Equipment</t>
  </si>
  <si>
    <t>6.  Ins.</t>
  </si>
  <si>
    <t>7. Training</t>
  </si>
  <si>
    <t>8 Grants
S137</t>
  </si>
  <si>
    <t>9. Coombs Charity</t>
  </si>
  <si>
    <t>Misc</t>
  </si>
  <si>
    <t>VAT Recovery</t>
  </si>
  <si>
    <t>Bank Interest received</t>
  </si>
  <si>
    <t>Publicity</t>
  </si>
  <si>
    <t>Donations</t>
  </si>
  <si>
    <t>CBLNR</t>
  </si>
  <si>
    <t>Grants/Funds</t>
  </si>
  <si>
    <t>CIL Funds</t>
  </si>
  <si>
    <t>VAT recovery larger in 2025 due to changing contract to a VAT registered company</t>
  </si>
  <si>
    <t>Ward councilor fund received for Camerton Flower beds</t>
  </si>
  <si>
    <t>Amount received from bank after Compensation</t>
  </si>
  <si>
    <t>ILCA Training for new clerk</t>
  </si>
  <si>
    <t>FOSSA Shoscombe grant payment to support playground equipment renwal</t>
  </si>
  <si>
    <t>Reduced number of Newsletters, additional cost for .gov.uk website compliance</t>
  </si>
  <si>
    <t>RESERVE E New Logo Village entrance Signs [PROJECT]</t>
  </si>
  <si>
    <t>RESERVE B CBLNR - 34 tree groups + Fircroft overhanging trees - work completed in 2025/26, but payment in 2026/27</t>
  </si>
  <si>
    <t>RESERVE D Flower bed Maintenance</t>
  </si>
  <si>
    <t>RESERVE F Speed display Signs Timsbury hill [PROJECT]</t>
  </si>
  <si>
    <t>There is an additional payment of an invoce received in 2025/26 for work in CBLNR tree felling. Invoice value  £4,320,this  missed the end of year and will be in the next 2026/27 financial year</t>
  </si>
  <si>
    <t>Bal 31 Mar</t>
  </si>
  <si>
    <t>RESERVE A CBLNR (Contingency for Emergency tree work following major storm, 100% additional typical CBLNR expenditure)</t>
  </si>
  <si>
    <t>See tab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44" formatCode="_-&quot;£&quot;* #,##0.00_-;\-&quot;£&quot;* #,##0.00_-;_-&quot;£&quot;* &quot;-&quot;??_-;_-@_-"/>
    <numFmt numFmtId="43" formatCode="_-* #,##0.00_-;\-* #,##0.00_-;_-* &quot;-&quot;??_-;_-@_-"/>
    <numFmt numFmtId="164" formatCode="_-* #,##0_-;\-* #,##0_-;_-* &quot;-&quot;??_-;_-@_-"/>
  </numFmts>
  <fonts count="23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b/>
      <sz val="8"/>
      <name val="Arial"/>
      <family val="2"/>
    </font>
    <font>
      <i/>
      <sz val="11"/>
      <name val="Calibri"/>
      <family val="2"/>
      <scheme val="minor"/>
    </font>
    <font>
      <b/>
      <sz val="12"/>
      <color theme="1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9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19" fillId="0" borderId="0" xfId="0" applyFont="1"/>
    <xf numFmtId="43" fontId="0" fillId="0" borderId="9" xfId="0" applyNumberFormat="1" applyBorder="1" applyAlignment="1">
      <alignment horizontal="center"/>
    </xf>
    <xf numFmtId="2" fontId="20" fillId="0" borderId="0" xfId="0" applyNumberFormat="1" applyFont="1" applyAlignment="1">
      <alignment vertical="top" wrapText="1"/>
    </xf>
    <xf numFmtId="2" fontId="20" fillId="0" borderId="0" xfId="0" applyNumberFormat="1" applyFont="1" applyAlignment="1">
      <alignment vertical="top"/>
    </xf>
    <xf numFmtId="44" fontId="6" fillId="0" borderId="1" xfId="0" applyNumberFormat="1" applyFont="1" applyBorder="1"/>
    <xf numFmtId="43" fontId="7" fillId="0" borderId="1" xfId="2" applyFont="1" applyBorder="1"/>
    <xf numFmtId="43" fontId="21" fillId="2" borderId="1" xfId="2" applyFont="1" applyFill="1" applyBorder="1"/>
    <xf numFmtId="43" fontId="6" fillId="0" borderId="1" xfId="2" applyFont="1" applyBorder="1"/>
    <xf numFmtId="43" fontId="6" fillId="2" borderId="1" xfId="2" applyFont="1" applyFill="1" applyBorder="1"/>
    <xf numFmtId="164" fontId="15" fillId="6" borderId="0" xfId="2" applyNumberFormat="1" applyFont="1" applyFill="1"/>
    <xf numFmtId="0" fontId="22" fillId="0" borderId="0" xfId="0" applyFont="1" applyAlignment="1">
      <alignment vertical="top" wrapText="1"/>
    </xf>
    <xf numFmtId="44" fontId="6" fillId="0" borderId="0" xfId="0" applyNumberFormat="1" applyFont="1" applyAlignment="1">
      <alignment vertical="top"/>
    </xf>
    <xf numFmtId="164" fontId="15" fillId="0" borderId="0" xfId="2" applyNumberFormat="1" applyFont="1"/>
    <xf numFmtId="164" fontId="15" fillId="0" borderId="14" xfId="2" applyNumberFormat="1" applyFont="1" applyBorder="1"/>
    <xf numFmtId="164" fontId="16" fillId="0" borderId="15" xfId="2" applyNumberFormat="1" applyFont="1" applyBorder="1"/>
    <xf numFmtId="43" fontId="0" fillId="2" borderId="11" xfId="0" applyNumberFormat="1" applyFill="1" applyBorder="1" applyAlignment="1">
      <alignment vertical="top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0" fontId="7" fillId="0" borderId="2" xfId="0" applyFont="1" applyBorder="1" applyAlignment="1">
      <alignment wrapText="1"/>
    </xf>
    <xf numFmtId="164" fontId="15" fillId="6" borderId="0" xfId="2" applyNumberFormat="1" applyFont="1" applyFill="1" applyAlignment="1">
      <alignment horizontal="center" vertical="center"/>
    </xf>
    <xf numFmtId="0" fontId="15" fillId="6" borderId="0" xfId="0" applyFont="1" applyFill="1" applyAlignment="1">
      <alignment horizontal="left" vertical="center" wrapText="1"/>
    </xf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microsoft.com/office/2017/10/relationships/person" Target="persons/person.xml"/><Relationship Id="rId18" Type="http://schemas.openxmlformats.org/officeDocument/2006/relationships/customXml" Target="../customXml/item4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3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1.xml"/><Relationship Id="rId10" Type="http://schemas.openxmlformats.org/officeDocument/2006/relationships/theme" Target="theme/theme1.xml"/><Relationship Id="rId19" Type="http://schemas.openxmlformats.org/officeDocument/2006/relationships/customXml" Target="../customXml/item5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alcChain" Target="calcChain.xml"/></Relationships>
</file>

<file path=xl/persons/person.xml><?xml version="1.0" encoding="utf-8"?>
<personList xmlns="http://schemas.microsoft.com/office/spreadsheetml/2018/threadedcomments" xmlns:x="http://schemas.openxmlformats.org/spreadsheetml/2006/main"/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K31"/>
  <sheetViews>
    <sheetView zoomScale="88" zoomScaleNormal="88" workbookViewId="0">
      <selection activeCell="J13" sqref="J13"/>
    </sheetView>
  </sheetViews>
  <sheetFormatPr defaultColWidth="9.109375" defaultRowHeight="14.4" x14ac:dyDescent="0.3"/>
  <cols>
    <col min="1" max="1" width="4.109375" customWidth="1"/>
    <col min="2" max="2" width="28.6640625" style="22" customWidth="1"/>
    <col min="3" max="3" width="21.44140625" customWidth="1"/>
    <col min="4" max="6" width="16.5546875" customWidth="1"/>
    <col min="7" max="8" width="16.5546875" hidden="1" customWidth="1"/>
    <col min="9" max="9" width="77.109375" style="23" customWidth="1"/>
    <col min="10" max="10" width="23.109375" bestFit="1" customWidth="1"/>
  </cols>
  <sheetData>
    <row r="1" spans="2:11" ht="17.25" customHeight="1" x14ac:dyDescent="0.3">
      <c r="B1" s="25" t="s">
        <v>0</v>
      </c>
    </row>
    <row r="3" spans="2:11" ht="15" customHeight="1" x14ac:dyDescent="0.3">
      <c r="B3" s="87" t="s">
        <v>1</v>
      </c>
      <c r="C3" s="88"/>
      <c r="D3" s="88"/>
      <c r="E3" s="88"/>
      <c r="F3" s="88"/>
      <c r="G3" s="88"/>
      <c r="H3" s="88"/>
      <c r="I3" s="88"/>
    </row>
    <row r="4" spans="2:11" ht="15" customHeight="1" thickBot="1" x14ac:dyDescent="0.35"/>
    <row r="5" spans="2:11" ht="15" customHeight="1" x14ac:dyDescent="0.3">
      <c r="B5" s="26"/>
      <c r="C5" s="86" t="s">
        <v>2</v>
      </c>
      <c r="D5" s="86"/>
      <c r="E5" s="46"/>
      <c r="F5" s="46"/>
      <c r="G5" s="46"/>
      <c r="H5" s="46"/>
      <c r="I5" s="36" t="s">
        <v>3</v>
      </c>
      <c r="J5" s="41" t="s">
        <v>4</v>
      </c>
    </row>
    <row r="6" spans="2:11" ht="28.8" x14ac:dyDescent="0.3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1" s="21" customFormat="1" ht="28.8" x14ac:dyDescent="0.3">
      <c r="B7" s="29" t="s">
        <v>8</v>
      </c>
      <c r="C7" s="64">
        <v>21695</v>
      </c>
      <c r="D7" s="64">
        <v>23600</v>
      </c>
      <c r="E7" s="54"/>
      <c r="F7" s="54"/>
      <c r="G7" s="49"/>
      <c r="H7" s="49"/>
      <c r="I7" s="38" t="s">
        <v>9</v>
      </c>
      <c r="J7" s="43"/>
    </row>
    <row r="8" spans="2:11" s="21" customFormat="1" ht="28.8" x14ac:dyDescent="0.3">
      <c r="B8" s="29" t="s">
        <v>10</v>
      </c>
      <c r="C8" s="64">
        <v>25519</v>
      </c>
      <c r="D8" s="64">
        <v>25519</v>
      </c>
      <c r="E8" s="49">
        <f>D8-C8</f>
        <v>0</v>
      </c>
      <c r="F8" s="48">
        <f>IF(AND(C8=0,D8=0),0,IF(C8=0,1,IF(D8=0,-1,(D8-C8)/C8)))</f>
        <v>0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1" s="21" customFormat="1" ht="34.5" customHeight="1" x14ac:dyDescent="0.3">
      <c r="B9" s="29" t="s">
        <v>12</v>
      </c>
      <c r="C9" s="64">
        <v>1154</v>
      </c>
      <c r="D9" s="64">
        <v>3133.72</v>
      </c>
      <c r="E9" s="49">
        <f>D9-C9</f>
        <v>1979.7199999999998</v>
      </c>
      <c r="F9" s="48">
        <f>IF(AND(C9=0,D9=0),0,IF(C9=0,1,IF(D9=0,-1,(D9-C9)/C9)))</f>
        <v>1.7155285961871749</v>
      </c>
      <c r="G9" s="33" t="str">
        <f t="shared" ref="G9:G13" si="0">IF(E9&gt;100000,"Yes",IF(E9&lt;-100000,"Yes","No"))</f>
        <v>No</v>
      </c>
      <c r="H9" s="33" t="str">
        <f t="shared" ref="H9:H12" si="1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  <c r="K9" s="21" t="s">
        <v>94</v>
      </c>
    </row>
    <row r="10" spans="2:11" ht="43.2" x14ac:dyDescent="0.3">
      <c r="B10" s="30" t="s">
        <v>14</v>
      </c>
      <c r="C10" s="64">
        <v>10550</v>
      </c>
      <c r="D10" s="64">
        <v>11653.64</v>
      </c>
      <c r="E10" s="49">
        <f>D10-C10</f>
        <v>1103.6399999999994</v>
      </c>
      <c r="F10" s="48">
        <f>IF(AND(C10=0,D10=0),0,IF(C10=0,1,IF(D10=0,-1,(D10-C10)/C10)))</f>
        <v>0.10461042654028431</v>
      </c>
      <c r="G10" s="33" t="str">
        <f t="shared" si="0"/>
        <v>No</v>
      </c>
      <c r="H10" s="33" t="str">
        <f t="shared" si="1"/>
        <v>No</v>
      </c>
      <c r="I10" s="38" t="s">
        <v>15</v>
      </c>
      <c r="J10" s="45" t="str">
        <f>IF(ISBLANK(C10),"Enter figures",IF(G10="Yes","Please explain within the relevant tab",IF(H10="Yes","Please explain within the relevant tab","No explanation required")))</f>
        <v>No explanation required</v>
      </c>
    </row>
    <row r="11" spans="2:11" ht="28.8" x14ac:dyDescent="0.3">
      <c r="B11" s="30" t="s">
        <v>16</v>
      </c>
      <c r="C11" s="64">
        <v>0</v>
      </c>
      <c r="D11" s="64">
        <v>0</v>
      </c>
      <c r="E11" s="49">
        <f>D11-C11</f>
        <v>0</v>
      </c>
      <c r="F11" s="48">
        <f>IF(AND(C11=0,D11=0),0,IF(C11=0,1,IF(D11=0,-1,(D11-C11)/C11)))</f>
        <v>0</v>
      </c>
      <c r="G11" s="33" t="str">
        <f t="shared" si="0"/>
        <v>No</v>
      </c>
      <c r="H11" s="33" t="str">
        <f t="shared" si="1"/>
        <v>No</v>
      </c>
      <c r="I11" s="38" t="s">
        <v>17</v>
      </c>
      <c r="J11" s="45" t="str">
        <f>IF(ISBLANK(C11),"Enter figures",IF(G11="Yes","Please explain within the relevant tab",IF(H11="Yes","Please explain within the relevant tab","No explanation required")))</f>
        <v>No explanation required</v>
      </c>
    </row>
    <row r="12" spans="2:11" ht="28.8" x14ac:dyDescent="0.3">
      <c r="B12" s="30" t="s">
        <v>18</v>
      </c>
      <c r="C12" s="64">
        <v>14218</v>
      </c>
      <c r="D12" s="64">
        <v>7601.5</v>
      </c>
      <c r="E12" s="49">
        <f>D12-C12</f>
        <v>-6616.5</v>
      </c>
      <c r="F12" s="48">
        <f>IF(AND(C12=0,D12=0),0,IF(C12=0,1,IF(D12=0,-1,(D12-C12)/C12)))</f>
        <v>-0.46536081024054016</v>
      </c>
      <c r="G12" s="33" t="str">
        <f t="shared" si="0"/>
        <v>No</v>
      </c>
      <c r="H12" s="33" t="str">
        <f t="shared" si="1"/>
        <v>Yes</v>
      </c>
      <c r="I12" s="38" t="s">
        <v>19</v>
      </c>
      <c r="J12" s="45" t="str">
        <f>IF(ISBLANK(C12),"Enter figures",IF(G12="Yes","Please explain within the relevant tab",IF(H12="Yes","Please explain within the relevant tab","No explanation required")))</f>
        <v>Please explain within the relevant tab</v>
      </c>
      <c r="K12" s="21" t="s">
        <v>94</v>
      </c>
    </row>
    <row r="13" spans="2:11" ht="38.25" customHeight="1" thickBot="1" x14ac:dyDescent="0.35">
      <c r="B13" s="31" t="s">
        <v>20</v>
      </c>
      <c r="C13" s="65">
        <f>C7+C8+C9-C10-C11-C12</f>
        <v>23600</v>
      </c>
      <c r="D13" s="65">
        <f>D7+D8+D9-D10-D11-D12</f>
        <v>32997.58</v>
      </c>
      <c r="E13" s="85"/>
      <c r="F13" s="55"/>
      <c r="G13" s="50" t="str">
        <f t="shared" si="0"/>
        <v>No</v>
      </c>
      <c r="H13" s="50"/>
      <c r="I13" s="39" t="s">
        <v>21</v>
      </c>
      <c r="J13" s="45" t="s">
        <v>22</v>
      </c>
      <c r="K13" s="21" t="s">
        <v>94</v>
      </c>
    </row>
    <row r="14" spans="2:11" ht="15" thickBot="1" x14ac:dyDescent="0.35">
      <c r="B14" s="51" t="s">
        <v>23</v>
      </c>
      <c r="C14" s="71">
        <f>C7+C8+C9-C10-C11-C12</f>
        <v>23600</v>
      </c>
      <c r="D14" s="71">
        <f>D7+D8+D9-D10-D11-D12</f>
        <v>32997.58</v>
      </c>
      <c r="E14" s="71"/>
      <c r="F14" s="51"/>
      <c r="G14" s="51"/>
      <c r="H14" s="51"/>
      <c r="I14" s="24"/>
      <c r="J14" s="45"/>
    </row>
    <row r="15" spans="2:11" ht="28.8" x14ac:dyDescent="0.3">
      <c r="B15" s="32" t="s">
        <v>24</v>
      </c>
      <c r="C15" s="66">
        <v>23600</v>
      </c>
      <c r="D15" s="66">
        <v>32998</v>
      </c>
      <c r="E15" s="53"/>
      <c r="F15" s="56"/>
      <c r="G15" s="52"/>
      <c r="H15" s="52"/>
      <c r="I15" s="40" t="s">
        <v>25</v>
      </c>
      <c r="J15" s="44"/>
    </row>
    <row r="16" spans="2:11" ht="28.8" x14ac:dyDescent="0.3">
      <c r="B16" s="30" t="s">
        <v>26</v>
      </c>
      <c r="C16" s="64">
        <v>34149</v>
      </c>
      <c r="D16" s="64">
        <v>35513</v>
      </c>
      <c r="E16" s="49">
        <f>D16-C16</f>
        <v>1364</v>
      </c>
      <c r="F16" s="48">
        <f>IF(AND(C16=0,D16=0),0,IF(C16=0,1,IF(D16=0,-1,(D16-C16)/C16)))</f>
        <v>3.9942604468652082E-2</v>
      </c>
      <c r="G16" s="33" t="str">
        <f t="shared" ref="G16:G17" si="2">IF(E16&gt;100000,"Yes",IF(E16&lt;-100000,"Yes","No"))</f>
        <v>No</v>
      </c>
      <c r="H16" s="33" t="str">
        <f t="shared" ref="H16:H17" si="3">IF(F16&gt;15%,"Yes",IF(F16&lt;-15%,"Yes","No"))</f>
        <v>No</v>
      </c>
      <c r="I16" s="38" t="s">
        <v>27</v>
      </c>
      <c r="J16" s="45" t="str">
        <f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1" t="s">
        <v>28</v>
      </c>
      <c r="C17" s="67">
        <v>0</v>
      </c>
      <c r="D17" s="67">
        <v>0</v>
      </c>
      <c r="E17" s="50">
        <f>D17-C17</f>
        <v>0</v>
      </c>
      <c r="F17" s="57">
        <f>IF(AND(C17=0,D17=0),0,IF(C17=0,1,IF(D17=0,-1,(D17-C17)/C17)))</f>
        <v>0</v>
      </c>
      <c r="G17" s="34" t="str">
        <f t="shared" si="2"/>
        <v>No</v>
      </c>
      <c r="H17" s="34" t="str">
        <f t="shared" si="3"/>
        <v>No</v>
      </c>
      <c r="I17" s="39" t="s">
        <v>29</v>
      </c>
      <c r="J17" s="45" t="str">
        <f>IF(ISBLANK(C17),"Enter figures",IF(G17="Yes","Please explain within the relevant tab",IF(H17="Yes","Please explain within the relevant tab","No explanation required")))</f>
        <v>No explanation required</v>
      </c>
    </row>
    <row r="19" spans="2:10" x14ac:dyDescent="0.3">
      <c r="C19" s="22"/>
      <c r="D19" s="22"/>
      <c r="E19" s="22"/>
      <c r="F19" s="22"/>
    </row>
    <row r="20" spans="2:10" x14ac:dyDescent="0.3">
      <c r="C20" s="22"/>
      <c r="D20" s="22"/>
      <c r="E20" s="22"/>
      <c r="F20" s="22"/>
    </row>
    <row r="21" spans="2:10" x14ac:dyDescent="0.3">
      <c r="C21" s="22"/>
      <c r="D21" s="22"/>
      <c r="E21" s="22"/>
      <c r="F21" s="22"/>
    </row>
    <row r="22" spans="2:10" x14ac:dyDescent="0.3">
      <c r="C22" s="22"/>
      <c r="D22" s="22"/>
      <c r="E22" s="22"/>
      <c r="F22" s="22"/>
    </row>
    <row r="23" spans="2:10" x14ac:dyDescent="0.3">
      <c r="C23" s="22"/>
      <c r="D23" s="22"/>
      <c r="E23" s="22"/>
      <c r="F23" s="22"/>
    </row>
    <row r="24" spans="2:10" x14ac:dyDescent="0.3">
      <c r="C24" s="22"/>
      <c r="D24" s="22"/>
      <c r="E24" s="22"/>
      <c r="F24" s="22"/>
    </row>
    <row r="25" spans="2:10" x14ac:dyDescent="0.3">
      <c r="C25" s="22"/>
      <c r="D25" s="22"/>
      <c r="E25" s="22"/>
      <c r="F25" s="22"/>
    </row>
    <row r="26" spans="2:10" x14ac:dyDescent="0.3">
      <c r="C26" s="22"/>
      <c r="D26" s="22"/>
      <c r="E26" s="22"/>
      <c r="F26" s="22"/>
    </row>
    <row r="27" spans="2:10" x14ac:dyDescent="0.3">
      <c r="C27" s="22"/>
      <c r="D27" s="22"/>
      <c r="E27" s="22"/>
      <c r="F27" s="22"/>
    </row>
    <row r="28" spans="2:10" x14ac:dyDescent="0.3">
      <c r="C28" s="22"/>
      <c r="D28" s="22"/>
      <c r="E28" s="22"/>
      <c r="F28" s="22"/>
    </row>
    <row r="29" spans="2:10" x14ac:dyDescent="0.3">
      <c r="C29" s="22"/>
      <c r="D29" s="22"/>
      <c r="E29" s="22"/>
      <c r="F29" s="22"/>
    </row>
    <row r="30" spans="2:10" x14ac:dyDescent="0.3">
      <c r="C30" s="22"/>
      <c r="D30" s="22"/>
      <c r="E30" s="22"/>
      <c r="F30" s="22"/>
    </row>
    <row r="31" spans="2:10" x14ac:dyDescent="0.3">
      <c r="C31" s="22"/>
      <c r="D31" s="22"/>
      <c r="E31" s="22"/>
      <c r="F31" s="22"/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0</v>
      </c>
    </row>
    <row r="3" spans="2:6" x14ac:dyDescent="0.3">
      <c r="B3" s="8"/>
    </row>
    <row r="4" spans="2:6" x14ac:dyDescent="0.3">
      <c r="B4">
        <v>2025</v>
      </c>
      <c r="C4" s="35">
        <f>'Accounting Statement'!C8</f>
        <v>25519</v>
      </c>
      <c r="D4">
        <v>2026</v>
      </c>
      <c r="E4" s="35">
        <f>'Accounting Statement'!D8</f>
        <v>25519</v>
      </c>
    </row>
    <row r="6" spans="2:6" x14ac:dyDescent="0.3">
      <c r="D6" t="s">
        <v>31</v>
      </c>
      <c r="E6" s="1">
        <f>E4-C4</f>
        <v>0</v>
      </c>
    </row>
    <row r="7" spans="2:6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33</v>
      </c>
    </row>
    <row r="10" spans="2:6" x14ac:dyDescent="0.3">
      <c r="B10" s="8"/>
    </row>
    <row r="11" spans="2:6" s="3" customFormat="1" ht="27.6" x14ac:dyDescent="0.3">
      <c r="B11" s="4" t="s">
        <v>34</v>
      </c>
      <c r="C11" s="4" t="s">
        <v>35</v>
      </c>
      <c r="D11" s="5" t="s">
        <v>31</v>
      </c>
      <c r="E11" s="91" t="s">
        <v>36</v>
      </c>
      <c r="F11" s="92"/>
    </row>
    <row r="12" spans="2:6" s="11" customFormat="1" x14ac:dyDescent="0.3">
      <c r="B12" s="12"/>
      <c r="C12" s="12"/>
      <c r="D12" s="13">
        <f t="shared" ref="D12:D25" si="0">C12-B12</f>
        <v>0</v>
      </c>
      <c r="E12" s="89"/>
      <c r="F12" s="90"/>
    </row>
    <row r="13" spans="2:6" s="11" customFormat="1" x14ac:dyDescent="0.3">
      <c r="B13" s="12"/>
      <c r="C13" s="12"/>
      <c r="D13" s="13">
        <f t="shared" si="0"/>
        <v>0</v>
      </c>
      <c r="E13" s="89"/>
      <c r="F13" s="90"/>
    </row>
    <row r="14" spans="2:6" s="11" customFormat="1" x14ac:dyDescent="0.3">
      <c r="B14" s="12"/>
      <c r="C14" s="12"/>
      <c r="D14" s="13">
        <f t="shared" si="0"/>
        <v>0</v>
      </c>
      <c r="E14" s="89"/>
      <c r="F14" s="90"/>
    </row>
    <row r="15" spans="2:6" s="11" customFormat="1" x14ac:dyDescent="0.3">
      <c r="B15" s="12"/>
      <c r="C15" s="12"/>
      <c r="D15" s="13">
        <f t="shared" si="0"/>
        <v>0</v>
      </c>
      <c r="E15" s="89"/>
      <c r="F15" s="90"/>
    </row>
    <row r="16" spans="2:6" s="11" customFormat="1" x14ac:dyDescent="0.3">
      <c r="B16" s="12"/>
      <c r="C16" s="12"/>
      <c r="D16" s="13">
        <f t="shared" si="0"/>
        <v>0</v>
      </c>
      <c r="E16" s="89"/>
      <c r="F16" s="90"/>
    </row>
    <row r="17" spans="1:8" s="11" customFormat="1" x14ac:dyDescent="0.3">
      <c r="B17" s="12"/>
      <c r="C17" s="12"/>
      <c r="D17" s="13">
        <f t="shared" si="0"/>
        <v>0</v>
      </c>
      <c r="E17" s="89"/>
      <c r="F17" s="90"/>
    </row>
    <row r="18" spans="1:8" s="11" customFormat="1" x14ac:dyDescent="0.3">
      <c r="B18" s="12"/>
      <c r="C18" s="12"/>
      <c r="D18" s="13">
        <f t="shared" si="0"/>
        <v>0</v>
      </c>
      <c r="E18" s="89"/>
      <c r="F18" s="90"/>
    </row>
    <row r="19" spans="1:8" s="11" customFormat="1" x14ac:dyDescent="0.3">
      <c r="B19" s="12"/>
      <c r="C19" s="12"/>
      <c r="D19" s="13">
        <f t="shared" si="0"/>
        <v>0</v>
      </c>
      <c r="E19" s="89"/>
      <c r="F19" s="90"/>
    </row>
    <row r="20" spans="1:8" s="11" customFormat="1" x14ac:dyDescent="0.3">
      <c r="B20" s="12"/>
      <c r="C20" s="12"/>
      <c r="D20" s="13">
        <f t="shared" si="0"/>
        <v>0</v>
      </c>
      <c r="E20" s="89"/>
      <c r="F20" s="90"/>
    </row>
    <row r="21" spans="1:8" s="11" customFormat="1" x14ac:dyDescent="0.3">
      <c r="B21" s="12"/>
      <c r="C21" s="12"/>
      <c r="D21" s="13">
        <f t="shared" si="0"/>
        <v>0</v>
      </c>
      <c r="E21" s="89"/>
      <c r="F21" s="90"/>
    </row>
    <row r="22" spans="1:8" s="11" customFormat="1" x14ac:dyDescent="0.3">
      <c r="B22" s="12"/>
      <c r="C22" s="12"/>
      <c r="D22" s="13">
        <f t="shared" si="0"/>
        <v>0</v>
      </c>
      <c r="E22" s="89"/>
      <c r="F22" s="90"/>
    </row>
    <row r="23" spans="1:8" s="11" customFormat="1" x14ac:dyDescent="0.3">
      <c r="B23" s="12"/>
      <c r="C23" s="12"/>
      <c r="D23" s="13">
        <f t="shared" si="0"/>
        <v>0</v>
      </c>
      <c r="E23" s="89"/>
      <c r="F23" s="90"/>
    </row>
    <row r="24" spans="1:8" s="11" customFormat="1" x14ac:dyDescent="0.3">
      <c r="B24" s="12"/>
      <c r="C24" s="12"/>
      <c r="D24" s="13">
        <f t="shared" si="0"/>
        <v>0</v>
      </c>
      <c r="E24" s="89"/>
      <c r="F24" s="90"/>
    </row>
    <row r="25" spans="1:8" s="11" customFormat="1" x14ac:dyDescent="0.3">
      <c r="B25" s="12"/>
      <c r="C25" s="12"/>
      <c r="D25" s="13">
        <f t="shared" si="0"/>
        <v>0</v>
      </c>
      <c r="E25" s="89"/>
      <c r="F25" s="90"/>
    </row>
    <row r="26" spans="1:8" x14ac:dyDescent="0.3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93"/>
      <c r="F26" s="90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3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topLeftCell="A10" workbookViewId="0">
      <selection activeCell="C22" sqref="C22"/>
    </sheetView>
  </sheetViews>
  <sheetFormatPr defaultRowHeight="14.4" x14ac:dyDescent="0.3"/>
  <cols>
    <col min="1" max="1" width="17.33203125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39</v>
      </c>
    </row>
    <row r="3" spans="1:7" x14ac:dyDescent="0.3">
      <c r="B3" s="8"/>
    </row>
    <row r="4" spans="1:7" x14ac:dyDescent="0.3">
      <c r="B4">
        <v>2025</v>
      </c>
      <c r="C4" s="35">
        <f>'Accounting Statement'!C9</f>
        <v>1154</v>
      </c>
      <c r="D4">
        <v>2026</v>
      </c>
      <c r="E4" s="35">
        <f>'Accounting Statement'!D9</f>
        <v>3133.72</v>
      </c>
    </row>
    <row r="6" spans="1:7" x14ac:dyDescent="0.3">
      <c r="D6" t="s">
        <v>31</v>
      </c>
      <c r="E6" s="1">
        <f>E4-C4</f>
        <v>1979.7199999999998</v>
      </c>
    </row>
    <row r="7" spans="1:7" x14ac:dyDescent="0.3">
      <c r="D7" t="s">
        <v>32</v>
      </c>
      <c r="E7" s="6">
        <f>IF(AND(C4=0,E4=0),0,IF(C4=0,1,IF(E4=0,-1,(E4-C4)/C4)))</f>
        <v>1.7155285961871749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33</v>
      </c>
    </row>
    <row r="10" spans="1:7" x14ac:dyDescent="0.3">
      <c r="B10" s="70" t="s">
        <v>40</v>
      </c>
    </row>
    <row r="11" spans="1:7" x14ac:dyDescent="0.3">
      <c r="B11" s="70" t="s">
        <v>41</v>
      </c>
    </row>
    <row r="12" spans="1:7" x14ac:dyDescent="0.3">
      <c r="B12" s="70"/>
    </row>
    <row r="13" spans="1:7" x14ac:dyDescent="0.3">
      <c r="B13" s="8"/>
    </row>
    <row r="14" spans="1:7" s="3" customFormat="1" ht="27.6" x14ac:dyDescent="0.3">
      <c r="B14" s="4" t="s">
        <v>34</v>
      </c>
      <c r="C14" s="4" t="s">
        <v>35</v>
      </c>
      <c r="D14" s="5" t="s">
        <v>31</v>
      </c>
      <c r="E14" s="91" t="s">
        <v>36</v>
      </c>
      <c r="F14" s="92"/>
    </row>
    <row r="15" spans="1:7" s="17" customFormat="1" ht="23.4" customHeight="1" x14ac:dyDescent="0.3">
      <c r="A15" s="73" t="s">
        <v>73</v>
      </c>
      <c r="B15" s="75">
        <v>0</v>
      </c>
      <c r="C15" s="75">
        <v>75.72</v>
      </c>
      <c r="D15" s="76">
        <f>C15-B15</f>
        <v>75.72</v>
      </c>
      <c r="E15" s="89" t="s">
        <v>83</v>
      </c>
      <c r="F15" s="90"/>
      <c r="G15" s="16"/>
    </row>
    <row r="16" spans="1:7" s="11" customFormat="1" x14ac:dyDescent="0.3">
      <c r="A16" s="73" t="s">
        <v>74</v>
      </c>
      <c r="B16" s="75">
        <v>719.62</v>
      </c>
      <c r="C16" s="75">
        <v>2348.21</v>
      </c>
      <c r="D16" s="76">
        <f t="shared" ref="D16:D29" si="0">C16-B16</f>
        <v>1628.5900000000001</v>
      </c>
      <c r="E16" s="89" t="s">
        <v>81</v>
      </c>
      <c r="F16" s="90"/>
    </row>
    <row r="17" spans="1:8" s="11" customFormat="1" x14ac:dyDescent="0.3">
      <c r="A17" s="73" t="s">
        <v>75</v>
      </c>
      <c r="B17" s="75">
        <v>363.97</v>
      </c>
      <c r="C17" s="75">
        <v>349.78999999999996</v>
      </c>
      <c r="D17" s="76">
        <f t="shared" si="0"/>
        <v>-14.180000000000064</v>
      </c>
      <c r="E17" s="89"/>
      <c r="F17" s="90"/>
    </row>
    <row r="18" spans="1:8" s="11" customFormat="1" x14ac:dyDescent="0.3">
      <c r="A18" s="73" t="s">
        <v>76</v>
      </c>
      <c r="B18" s="75">
        <v>70</v>
      </c>
      <c r="C18" s="75">
        <v>20</v>
      </c>
      <c r="D18" s="76">
        <f t="shared" si="0"/>
        <v>-50</v>
      </c>
      <c r="E18" s="89"/>
      <c r="F18" s="90"/>
    </row>
    <row r="19" spans="1:8" s="11" customFormat="1" x14ac:dyDescent="0.3">
      <c r="A19" s="73" t="s">
        <v>77</v>
      </c>
      <c r="B19" s="75">
        <v>0</v>
      </c>
      <c r="C19" s="75">
        <v>0</v>
      </c>
      <c r="D19" s="76">
        <f t="shared" si="0"/>
        <v>0</v>
      </c>
      <c r="E19" s="89"/>
      <c r="F19" s="90"/>
    </row>
    <row r="20" spans="1:8" s="11" customFormat="1" x14ac:dyDescent="0.3">
      <c r="A20" s="73" t="s">
        <v>78</v>
      </c>
      <c r="B20" s="75">
        <v>0</v>
      </c>
      <c r="C20" s="75">
        <v>0</v>
      </c>
      <c r="D20" s="76">
        <f t="shared" si="0"/>
        <v>0</v>
      </c>
      <c r="E20" s="89"/>
      <c r="F20" s="90"/>
    </row>
    <row r="21" spans="1:8" s="11" customFormat="1" x14ac:dyDescent="0.3">
      <c r="A21" s="73" t="s">
        <v>79</v>
      </c>
      <c r="B21" s="75">
        <v>0</v>
      </c>
      <c r="C21" s="75">
        <v>340</v>
      </c>
      <c r="D21" s="76">
        <f t="shared" si="0"/>
        <v>340</v>
      </c>
      <c r="E21" s="89" t="s">
        <v>82</v>
      </c>
      <c r="F21" s="90"/>
    </row>
    <row r="22" spans="1:8" s="11" customFormat="1" x14ac:dyDescent="0.3">
      <c r="A22" s="73" t="s">
        <v>80</v>
      </c>
      <c r="B22" s="75">
        <v>0</v>
      </c>
      <c r="C22" s="75">
        <v>0</v>
      </c>
      <c r="D22" s="76">
        <f t="shared" si="0"/>
        <v>0</v>
      </c>
      <c r="E22" s="89"/>
      <c r="F22" s="90"/>
    </row>
    <row r="23" spans="1:8" s="11" customFormat="1" x14ac:dyDescent="0.3">
      <c r="A23" s="73"/>
      <c r="B23" s="75"/>
      <c r="C23" s="75"/>
      <c r="D23" s="76">
        <f t="shared" si="0"/>
        <v>0</v>
      </c>
      <c r="E23" s="89"/>
      <c r="F23" s="90"/>
    </row>
    <row r="24" spans="1:8" s="11" customFormat="1" x14ac:dyDescent="0.3">
      <c r="B24" s="75"/>
      <c r="C24" s="75"/>
      <c r="D24" s="76">
        <f t="shared" si="0"/>
        <v>0</v>
      </c>
      <c r="E24" s="89"/>
      <c r="F24" s="90"/>
    </row>
    <row r="25" spans="1:8" s="11" customFormat="1" x14ac:dyDescent="0.3">
      <c r="B25" s="75"/>
      <c r="C25" s="75"/>
      <c r="D25" s="76">
        <f t="shared" si="0"/>
        <v>0</v>
      </c>
      <c r="E25" s="89"/>
      <c r="F25" s="90"/>
    </row>
    <row r="26" spans="1:8" s="11" customFormat="1" x14ac:dyDescent="0.3">
      <c r="B26" s="75"/>
      <c r="C26" s="75"/>
      <c r="D26" s="76">
        <f t="shared" si="0"/>
        <v>0</v>
      </c>
      <c r="E26" s="89"/>
      <c r="F26" s="90"/>
    </row>
    <row r="27" spans="1:8" s="11" customFormat="1" x14ac:dyDescent="0.3">
      <c r="B27" s="75"/>
      <c r="C27" s="75"/>
      <c r="D27" s="76">
        <f t="shared" si="0"/>
        <v>0</v>
      </c>
      <c r="E27" s="89"/>
      <c r="F27" s="90"/>
    </row>
    <row r="28" spans="1:8" s="11" customFormat="1" x14ac:dyDescent="0.3">
      <c r="B28" s="75"/>
      <c r="C28" s="75"/>
      <c r="D28" s="76">
        <f t="shared" si="0"/>
        <v>0</v>
      </c>
      <c r="E28" s="89"/>
      <c r="F28" s="90"/>
    </row>
    <row r="29" spans="1:8" s="11" customFormat="1" x14ac:dyDescent="0.3">
      <c r="B29" s="75"/>
      <c r="C29" s="75"/>
      <c r="D29" s="76">
        <f t="shared" si="0"/>
        <v>0</v>
      </c>
      <c r="E29" s="89"/>
      <c r="F29" s="90"/>
    </row>
    <row r="30" spans="1:8" x14ac:dyDescent="0.3">
      <c r="A30" s="9" t="s">
        <v>37</v>
      </c>
      <c r="B30" s="74">
        <f>SUM(B15:B29)</f>
        <v>1153.5900000000001</v>
      </c>
      <c r="C30" s="74">
        <f>SUM(C15:C29)</f>
        <v>3133.72</v>
      </c>
      <c r="D30" s="74">
        <f>SUM(D15:D29)</f>
        <v>1980.13</v>
      </c>
      <c r="E30" s="93"/>
      <c r="F30" s="90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38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2</v>
      </c>
    </row>
    <row r="3" spans="1:7" x14ac:dyDescent="0.3">
      <c r="B3" s="8"/>
    </row>
    <row r="4" spans="1:7" x14ac:dyDescent="0.3">
      <c r="B4">
        <v>2025</v>
      </c>
      <c r="C4" s="35">
        <f>'Accounting Statement'!C10</f>
        <v>10550</v>
      </c>
      <c r="D4">
        <v>2026</v>
      </c>
      <c r="E4" s="35">
        <f>'Accounting Statement'!D10</f>
        <v>11653.64</v>
      </c>
    </row>
    <row r="6" spans="1:7" x14ac:dyDescent="0.3">
      <c r="D6" t="s">
        <v>31</v>
      </c>
      <c r="E6" s="1">
        <f>E4-C4</f>
        <v>1103.6399999999994</v>
      </c>
    </row>
    <row r="7" spans="1:7" x14ac:dyDescent="0.3">
      <c r="D7" t="s">
        <v>32</v>
      </c>
      <c r="E7" s="6">
        <f>IF(AND(C4=0,E4=0),0,IF(C4=0,1,IF(E4=0,-1,(E4-C4)/C4)))</f>
        <v>0.10461042654028431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70" t="s">
        <v>43</v>
      </c>
    </row>
    <row r="11" spans="1:7" x14ac:dyDescent="0.3">
      <c r="B11" s="8"/>
    </row>
    <row r="12" spans="1:7" s="3" customFormat="1" ht="27.6" x14ac:dyDescent="0.3">
      <c r="B12" s="4" t="s">
        <v>34</v>
      </c>
      <c r="C12" s="4" t="s">
        <v>35</v>
      </c>
      <c r="D12" s="5" t="s">
        <v>31</v>
      </c>
      <c r="E12" s="91" t="s">
        <v>36</v>
      </c>
      <c r="F12" s="92"/>
    </row>
    <row r="13" spans="1:7" s="17" customFormat="1" x14ac:dyDescent="0.3">
      <c r="A13" s="16"/>
      <c r="B13" s="13"/>
      <c r="C13" s="13"/>
      <c r="D13" s="13">
        <f>C13-B13</f>
        <v>0</v>
      </c>
      <c r="E13" s="94"/>
      <c r="F13" s="95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9"/>
      <c r="F14" s="90"/>
    </row>
    <row r="15" spans="1:7" s="11" customFormat="1" x14ac:dyDescent="0.3">
      <c r="B15" s="12"/>
      <c r="C15" s="12"/>
      <c r="D15" s="13">
        <f t="shared" si="0"/>
        <v>0</v>
      </c>
      <c r="E15" s="89"/>
      <c r="F15" s="90"/>
    </row>
    <row r="16" spans="1:7" s="11" customFormat="1" x14ac:dyDescent="0.3">
      <c r="B16" s="12"/>
      <c r="C16" s="12"/>
      <c r="D16" s="13">
        <f t="shared" si="0"/>
        <v>0</v>
      </c>
      <c r="E16" s="89"/>
      <c r="F16" s="90"/>
    </row>
    <row r="17" spans="1:8" s="11" customFormat="1" x14ac:dyDescent="0.3">
      <c r="B17" s="12"/>
      <c r="C17" s="12"/>
      <c r="D17" s="13">
        <f t="shared" si="0"/>
        <v>0</v>
      </c>
      <c r="E17" s="89"/>
      <c r="F17" s="90"/>
    </row>
    <row r="18" spans="1:8" s="11" customFormat="1" x14ac:dyDescent="0.3">
      <c r="B18" s="12"/>
      <c r="C18" s="12"/>
      <c r="D18" s="13">
        <f t="shared" si="0"/>
        <v>0</v>
      </c>
      <c r="E18" s="89"/>
      <c r="F18" s="90"/>
    </row>
    <row r="19" spans="1:8" s="11" customFormat="1" x14ac:dyDescent="0.3">
      <c r="B19" s="12"/>
      <c r="C19" s="12"/>
      <c r="D19" s="13">
        <f t="shared" si="0"/>
        <v>0</v>
      </c>
      <c r="E19" s="89"/>
      <c r="F19" s="90"/>
    </row>
    <row r="20" spans="1:8" s="11" customFormat="1" x14ac:dyDescent="0.3">
      <c r="B20" s="12"/>
      <c r="C20" s="12"/>
      <c r="D20" s="13">
        <f t="shared" si="0"/>
        <v>0</v>
      </c>
      <c r="E20" s="89"/>
      <c r="F20" s="90"/>
    </row>
    <row r="21" spans="1:8" s="11" customFormat="1" x14ac:dyDescent="0.3">
      <c r="B21" s="12"/>
      <c r="C21" s="12"/>
      <c r="D21" s="13">
        <f t="shared" si="0"/>
        <v>0</v>
      </c>
      <c r="E21" s="89"/>
      <c r="F21" s="90"/>
    </row>
    <row r="22" spans="1:8" s="11" customFormat="1" x14ac:dyDescent="0.3">
      <c r="B22" s="12"/>
      <c r="C22" s="12"/>
      <c r="D22" s="13">
        <f t="shared" si="0"/>
        <v>0</v>
      </c>
      <c r="E22" s="89"/>
      <c r="F22" s="90"/>
    </row>
    <row r="23" spans="1:8" s="11" customFormat="1" x14ac:dyDescent="0.3">
      <c r="B23" s="12"/>
      <c r="C23" s="12"/>
      <c r="D23" s="13">
        <f t="shared" si="0"/>
        <v>0</v>
      </c>
      <c r="E23" s="89"/>
      <c r="F23" s="90"/>
    </row>
    <row r="24" spans="1:8" s="11" customFormat="1" x14ac:dyDescent="0.3">
      <c r="B24" s="12"/>
      <c r="C24" s="12"/>
      <c r="D24" s="13">
        <f t="shared" si="0"/>
        <v>0</v>
      </c>
      <c r="E24" s="89"/>
      <c r="F24" s="90"/>
    </row>
    <row r="25" spans="1:8" s="11" customFormat="1" x14ac:dyDescent="0.3">
      <c r="B25" s="12"/>
      <c r="C25" s="12"/>
      <c r="D25" s="13">
        <f t="shared" si="0"/>
        <v>0</v>
      </c>
      <c r="E25" s="89"/>
      <c r="F25" s="90"/>
    </row>
    <row r="26" spans="1:8" s="11" customFormat="1" x14ac:dyDescent="0.3">
      <c r="B26" s="12"/>
      <c r="C26" s="12"/>
      <c r="D26" s="13">
        <f t="shared" si="0"/>
        <v>0</v>
      </c>
      <c r="E26" s="89"/>
      <c r="F26" s="90"/>
    </row>
    <row r="27" spans="1:8" s="11" customFormat="1" x14ac:dyDescent="0.3">
      <c r="B27" s="12"/>
      <c r="C27" s="12"/>
      <c r="D27" s="13">
        <f t="shared" si="0"/>
        <v>0</v>
      </c>
      <c r="E27" s="89"/>
      <c r="F27" s="90"/>
    </row>
    <row r="28" spans="1:8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93"/>
      <c r="F28" s="90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3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4</v>
      </c>
    </row>
    <row r="3" spans="1:7" x14ac:dyDescent="0.3">
      <c r="B3" s="8"/>
    </row>
    <row r="4" spans="1:7" x14ac:dyDescent="0.3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3">
      <c r="D6" t="s">
        <v>31</v>
      </c>
      <c r="E6" s="1">
        <f>E4-C4</f>
        <v>0</v>
      </c>
    </row>
    <row r="7" spans="1:7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8"/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91" t="s">
        <v>36</v>
      </c>
      <c r="F11" s="92"/>
    </row>
    <row r="12" spans="1:7" s="17" customFormat="1" x14ac:dyDescent="0.3">
      <c r="A12" s="16"/>
      <c r="B12" s="13"/>
      <c r="C12" s="13"/>
      <c r="D12" s="13">
        <f>C12-B12</f>
        <v>0</v>
      </c>
      <c r="E12" s="94"/>
      <c r="F12" s="95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9"/>
      <c r="F13" s="90"/>
    </row>
    <row r="14" spans="1:7" s="11" customFormat="1" x14ac:dyDescent="0.3">
      <c r="B14" s="12"/>
      <c r="C14" s="12"/>
      <c r="D14" s="13">
        <f t="shared" si="0"/>
        <v>0</v>
      </c>
      <c r="E14" s="89"/>
      <c r="F14" s="90"/>
    </row>
    <row r="15" spans="1:7" s="11" customFormat="1" x14ac:dyDescent="0.3">
      <c r="B15" s="12"/>
      <c r="C15" s="12"/>
      <c r="D15" s="13">
        <f t="shared" si="0"/>
        <v>0</v>
      </c>
      <c r="E15" s="89"/>
      <c r="F15" s="90"/>
    </row>
    <row r="16" spans="1:7" s="11" customFormat="1" x14ac:dyDescent="0.3">
      <c r="B16" s="12"/>
      <c r="C16" s="12"/>
      <c r="D16" s="13">
        <f t="shared" si="0"/>
        <v>0</v>
      </c>
      <c r="E16" s="89"/>
      <c r="F16" s="90"/>
    </row>
    <row r="17" spans="1:8" s="11" customFormat="1" x14ac:dyDescent="0.3">
      <c r="B17" s="12"/>
      <c r="C17" s="12"/>
      <c r="D17" s="13">
        <f t="shared" si="0"/>
        <v>0</v>
      </c>
      <c r="E17" s="89"/>
      <c r="F17" s="90"/>
    </row>
    <row r="18" spans="1:8" s="11" customFormat="1" x14ac:dyDescent="0.3">
      <c r="B18" s="12"/>
      <c r="C18" s="12"/>
      <c r="D18" s="13">
        <f t="shared" si="0"/>
        <v>0</v>
      </c>
      <c r="E18" s="89"/>
      <c r="F18" s="90"/>
    </row>
    <row r="19" spans="1:8" s="11" customFormat="1" x14ac:dyDescent="0.3">
      <c r="B19" s="12"/>
      <c r="C19" s="12"/>
      <c r="D19" s="13">
        <f t="shared" si="0"/>
        <v>0</v>
      </c>
      <c r="E19" s="89"/>
      <c r="F19" s="90"/>
    </row>
    <row r="20" spans="1:8" s="11" customFormat="1" x14ac:dyDescent="0.3">
      <c r="B20" s="12"/>
      <c r="C20" s="12"/>
      <c r="D20" s="13">
        <f t="shared" si="0"/>
        <v>0</v>
      </c>
      <c r="E20" s="89"/>
      <c r="F20" s="90"/>
    </row>
    <row r="21" spans="1:8" s="11" customFormat="1" x14ac:dyDescent="0.3">
      <c r="B21" s="12"/>
      <c r="C21" s="12"/>
      <c r="D21" s="13">
        <f t="shared" si="0"/>
        <v>0</v>
      </c>
      <c r="E21" s="89"/>
      <c r="F21" s="90"/>
    </row>
    <row r="22" spans="1:8" s="11" customFormat="1" x14ac:dyDescent="0.3">
      <c r="B22" s="12"/>
      <c r="C22" s="12"/>
      <c r="D22" s="13">
        <f t="shared" si="0"/>
        <v>0</v>
      </c>
      <c r="E22" s="89"/>
      <c r="F22" s="90"/>
    </row>
    <row r="23" spans="1:8" s="11" customFormat="1" x14ac:dyDescent="0.3">
      <c r="B23" s="12"/>
      <c r="C23" s="12"/>
      <c r="D23" s="13">
        <f t="shared" si="0"/>
        <v>0</v>
      </c>
      <c r="E23" s="89"/>
      <c r="F23" s="90"/>
    </row>
    <row r="24" spans="1:8" s="11" customFormat="1" x14ac:dyDescent="0.3">
      <c r="B24" s="12"/>
      <c r="C24" s="12"/>
      <c r="D24" s="13">
        <f t="shared" si="0"/>
        <v>0</v>
      </c>
      <c r="E24" s="89"/>
      <c r="F24" s="90"/>
    </row>
    <row r="25" spans="1:8" s="11" customFormat="1" x14ac:dyDescent="0.3">
      <c r="B25" s="12"/>
      <c r="C25" s="12"/>
      <c r="D25" s="13">
        <f t="shared" si="0"/>
        <v>0</v>
      </c>
      <c r="E25" s="89"/>
      <c r="F25" s="90"/>
    </row>
    <row r="26" spans="1:8" s="11" customFormat="1" x14ac:dyDescent="0.3">
      <c r="B26" s="12"/>
      <c r="C26" s="12"/>
      <c r="D26" s="13">
        <f t="shared" si="0"/>
        <v>0</v>
      </c>
      <c r="E26" s="89"/>
      <c r="F26" s="90"/>
    </row>
    <row r="27" spans="1:8" x14ac:dyDescent="0.3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93"/>
      <c r="F27" s="90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3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topLeftCell="A12" workbookViewId="0">
      <selection activeCell="H18" sqref="H18"/>
    </sheetView>
  </sheetViews>
  <sheetFormatPr defaultRowHeight="14.4" x14ac:dyDescent="0.3"/>
  <cols>
    <col min="1" max="1" width="27.3320312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45</v>
      </c>
    </row>
    <row r="3" spans="1:8" x14ac:dyDescent="0.3">
      <c r="B3" s="8"/>
    </row>
    <row r="4" spans="1:8" x14ac:dyDescent="0.3">
      <c r="B4">
        <v>2025</v>
      </c>
      <c r="C4" s="35">
        <f>'Accounting Statement'!C12</f>
        <v>14218</v>
      </c>
      <c r="D4">
        <v>2026</v>
      </c>
      <c r="E4" s="35">
        <f>'Accounting Statement'!D12</f>
        <v>7601.5</v>
      </c>
    </row>
    <row r="6" spans="1:8" x14ac:dyDescent="0.3">
      <c r="D6" t="s">
        <v>31</v>
      </c>
      <c r="E6" s="1">
        <f>E4-C4</f>
        <v>-6616.5</v>
      </c>
    </row>
    <row r="7" spans="1:8" x14ac:dyDescent="0.3">
      <c r="D7" t="s">
        <v>32</v>
      </c>
      <c r="E7" s="6">
        <f>IF(AND(C4=0,E4=0),0,IF(C4=0,1,IF(E4=0,-1,(E4-C4)/C4)))</f>
        <v>-0.46536081024054016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33</v>
      </c>
    </row>
    <row r="10" spans="1:8" ht="15" x14ac:dyDescent="0.35">
      <c r="B10" s="18" t="s">
        <v>46</v>
      </c>
    </row>
    <row r="11" spans="1:8" x14ac:dyDescent="0.3">
      <c r="B11" s="70" t="s">
        <v>41</v>
      </c>
    </row>
    <row r="12" spans="1:8" x14ac:dyDescent="0.3">
      <c r="B12" s="8"/>
    </row>
    <row r="13" spans="1:8" s="3" customFormat="1" ht="27.6" x14ac:dyDescent="0.3">
      <c r="B13" s="4" t="s">
        <v>34</v>
      </c>
      <c r="C13" s="4" t="s">
        <v>35</v>
      </c>
      <c r="D13" s="5" t="s">
        <v>31</v>
      </c>
      <c r="E13" s="91" t="s">
        <v>36</v>
      </c>
      <c r="F13" s="92"/>
      <c r="G13" s="91" t="s">
        <v>47</v>
      </c>
      <c r="H13" s="92"/>
    </row>
    <row r="14" spans="1:8" s="11" customFormat="1" ht="24.6" customHeight="1" x14ac:dyDescent="0.3">
      <c r="A14" s="72" t="s">
        <v>65</v>
      </c>
      <c r="B14" s="75">
        <v>-1323.87</v>
      </c>
      <c r="C14" s="75">
        <v>-1263.1100000000001</v>
      </c>
      <c r="D14" s="76">
        <f t="shared" ref="D14:D27" si="0">C14-B14</f>
        <v>60.759999999999764</v>
      </c>
      <c r="E14" s="89"/>
      <c r="F14" s="90"/>
    </row>
    <row r="15" spans="1:8" s="11" customFormat="1" ht="27.6" customHeight="1" x14ac:dyDescent="0.3">
      <c r="A15" s="73" t="s">
        <v>66</v>
      </c>
      <c r="B15" s="75">
        <v>-10512</v>
      </c>
      <c r="C15" s="75">
        <v>-4188.83</v>
      </c>
      <c r="D15" s="76">
        <f t="shared" si="0"/>
        <v>6323.17</v>
      </c>
      <c r="E15" s="96" t="s">
        <v>91</v>
      </c>
      <c r="F15" s="92"/>
    </row>
    <row r="16" spans="1:8" s="11" customFormat="1" x14ac:dyDescent="0.3">
      <c r="A16" s="73" t="s">
        <v>67</v>
      </c>
      <c r="B16" s="75">
        <v>-1185.68</v>
      </c>
      <c r="C16" s="75">
        <v>-714</v>
      </c>
      <c r="D16" s="76">
        <f t="shared" si="0"/>
        <v>471.68000000000006</v>
      </c>
      <c r="E16" s="89" t="s">
        <v>86</v>
      </c>
      <c r="F16" s="90"/>
    </row>
    <row r="17" spans="1:8" s="11" customFormat="1" x14ac:dyDescent="0.3">
      <c r="A17" s="73" t="s">
        <v>68</v>
      </c>
      <c r="B17" s="75">
        <v>-652.02</v>
      </c>
      <c r="C17" s="75">
        <v>-532.55999999999995</v>
      </c>
      <c r="D17" s="76">
        <f t="shared" si="0"/>
        <v>119.46000000000004</v>
      </c>
      <c r="E17" s="89"/>
      <c r="F17" s="90"/>
    </row>
    <row r="18" spans="1:8" s="11" customFormat="1" x14ac:dyDescent="0.3">
      <c r="A18" s="73" t="s">
        <v>69</v>
      </c>
      <c r="B18" s="75">
        <v>-446.56</v>
      </c>
      <c r="C18" s="75">
        <v>-459</v>
      </c>
      <c r="D18" s="76">
        <f t="shared" si="0"/>
        <v>-12.439999999999998</v>
      </c>
      <c r="E18" s="89"/>
      <c r="F18" s="90"/>
    </row>
    <row r="19" spans="1:8" s="11" customFormat="1" x14ac:dyDescent="0.3">
      <c r="A19" s="73" t="s">
        <v>70</v>
      </c>
      <c r="B19" s="75">
        <v>0</v>
      </c>
      <c r="C19" s="75">
        <v>-144</v>
      </c>
      <c r="D19" s="76">
        <f t="shared" si="0"/>
        <v>-144</v>
      </c>
      <c r="E19" s="89" t="s">
        <v>84</v>
      </c>
      <c r="F19" s="90"/>
    </row>
    <row r="20" spans="1:8" s="11" customFormat="1" x14ac:dyDescent="0.3">
      <c r="A20" s="73" t="s">
        <v>71</v>
      </c>
      <c r="B20" s="75">
        <v>0</v>
      </c>
      <c r="C20" s="75">
        <v>-300</v>
      </c>
      <c r="D20" s="76">
        <f t="shared" si="0"/>
        <v>-300</v>
      </c>
      <c r="E20" s="89" t="s">
        <v>85</v>
      </c>
      <c r="F20" s="90"/>
    </row>
    <row r="21" spans="1:8" s="11" customFormat="1" x14ac:dyDescent="0.3">
      <c r="A21" s="73" t="s">
        <v>72</v>
      </c>
      <c r="B21" s="75">
        <v>0</v>
      </c>
      <c r="C21" s="75">
        <v>0</v>
      </c>
      <c r="D21" s="76">
        <f t="shared" si="0"/>
        <v>0</v>
      </c>
      <c r="E21" s="89"/>
      <c r="F21" s="90"/>
    </row>
    <row r="22" spans="1:8" s="11" customFormat="1" x14ac:dyDescent="0.3">
      <c r="A22" s="73" t="s">
        <v>64</v>
      </c>
      <c r="B22" s="75">
        <v>-97.95</v>
      </c>
      <c r="C22" s="75">
        <v>0</v>
      </c>
      <c r="D22" s="76">
        <f t="shared" si="0"/>
        <v>97.95</v>
      </c>
      <c r="E22" s="89"/>
      <c r="F22" s="90"/>
    </row>
    <row r="23" spans="1:8" s="11" customFormat="1" x14ac:dyDescent="0.3">
      <c r="B23" s="75"/>
      <c r="C23" s="75"/>
      <c r="D23" s="76">
        <f t="shared" si="0"/>
        <v>0</v>
      </c>
      <c r="E23" s="89"/>
      <c r="F23" s="90"/>
    </row>
    <row r="24" spans="1:8" s="11" customFormat="1" x14ac:dyDescent="0.3">
      <c r="B24" s="75"/>
      <c r="C24" s="75"/>
      <c r="D24" s="76">
        <f t="shared" si="0"/>
        <v>0</v>
      </c>
      <c r="E24" s="89"/>
      <c r="F24" s="90"/>
    </row>
    <row r="25" spans="1:8" s="11" customFormat="1" x14ac:dyDescent="0.3">
      <c r="B25" s="75"/>
      <c r="C25" s="75"/>
      <c r="D25" s="76">
        <f t="shared" si="0"/>
        <v>0</v>
      </c>
      <c r="E25" s="89"/>
      <c r="F25" s="90"/>
    </row>
    <row r="26" spans="1:8" s="11" customFormat="1" x14ac:dyDescent="0.3">
      <c r="B26" s="75"/>
      <c r="C26" s="75"/>
      <c r="D26" s="76">
        <f t="shared" si="0"/>
        <v>0</v>
      </c>
      <c r="E26" s="89"/>
      <c r="F26" s="90"/>
    </row>
    <row r="27" spans="1:8" s="11" customFormat="1" x14ac:dyDescent="0.3">
      <c r="B27" s="75"/>
      <c r="C27" s="75"/>
      <c r="D27" s="76">
        <f t="shared" si="0"/>
        <v>0</v>
      </c>
      <c r="E27" s="89"/>
      <c r="F27" s="90"/>
    </row>
    <row r="28" spans="1:8" x14ac:dyDescent="0.3">
      <c r="A28" s="9" t="s">
        <v>37</v>
      </c>
      <c r="B28" s="77">
        <f>SUM(B14:B27)</f>
        <v>-14218.08</v>
      </c>
      <c r="C28" s="77">
        <f>SUM(C14:C27)</f>
        <v>-7601.5</v>
      </c>
      <c r="D28" s="78">
        <f>SUM(D14:D27)</f>
        <v>6616.5800000000008</v>
      </c>
      <c r="E28" s="93"/>
      <c r="F28" s="90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38</v>
      </c>
    </row>
  </sheetData>
  <mergeCells count="17">
    <mergeCell ref="G13:H13"/>
    <mergeCell ref="E24:F24"/>
    <mergeCell ref="E25:F25"/>
    <mergeCell ref="E26:F26"/>
    <mergeCell ref="E27:F27"/>
    <mergeCell ref="E28:F28"/>
    <mergeCell ref="E23:F23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J20"/>
  <sheetViews>
    <sheetView tabSelected="1" workbookViewId="0">
      <selection activeCell="F11" sqref="F11"/>
    </sheetView>
  </sheetViews>
  <sheetFormatPr defaultColWidth="69.88671875" defaultRowHeight="14.4" x14ac:dyDescent="0.3"/>
  <cols>
    <col min="1" max="1" width="14.5546875" style="58" customWidth="1"/>
    <col min="2" max="2" width="9.6640625" style="58" customWidth="1"/>
    <col min="3" max="3" width="56" style="58" customWidth="1"/>
    <col min="4" max="4" width="8.33203125" style="58" bestFit="1" customWidth="1"/>
    <col min="5" max="5" width="11.21875" style="58" customWidth="1"/>
    <col min="6" max="6" width="9.44140625" style="58" bestFit="1" customWidth="1"/>
    <col min="7" max="7" width="69.88671875" style="58"/>
    <col min="8" max="8" width="8.88671875" style="58" customWidth="1"/>
    <col min="9" max="16384" width="69.88671875" style="58"/>
  </cols>
  <sheetData>
    <row r="1" spans="2:10" x14ac:dyDescent="0.3">
      <c r="B1" s="60" t="s">
        <v>48</v>
      </c>
    </row>
    <row r="3" spans="2:10" x14ac:dyDescent="0.3">
      <c r="B3" s="59"/>
      <c r="C3" s="62" t="s">
        <v>92</v>
      </c>
      <c r="D3" s="58" t="s">
        <v>50</v>
      </c>
      <c r="G3" s="62"/>
    </row>
    <row r="4" spans="2:10" x14ac:dyDescent="0.3">
      <c r="B4" s="58" t="s">
        <v>49</v>
      </c>
      <c r="C4" s="61">
        <f>'Accounting Statement'!D13</f>
        <v>32997.58</v>
      </c>
      <c r="D4" s="61">
        <f>'Accounting Statement'!D8</f>
        <v>25519</v>
      </c>
      <c r="G4" s="62"/>
    </row>
    <row r="5" spans="2:10" x14ac:dyDescent="0.3">
      <c r="G5" s="62"/>
    </row>
    <row r="7" spans="2:10" x14ac:dyDescent="0.3">
      <c r="D7" s="63"/>
    </row>
    <row r="8" spans="2:10" x14ac:dyDescent="0.3">
      <c r="D8" s="59" t="s">
        <v>51</v>
      </c>
      <c r="E8" s="59" t="s">
        <v>51</v>
      </c>
      <c r="F8" s="59" t="s">
        <v>51</v>
      </c>
    </row>
    <row r="9" spans="2:10" x14ac:dyDescent="0.3">
      <c r="B9" s="59" t="s">
        <v>52</v>
      </c>
    </row>
    <row r="10" spans="2:10" ht="43.2" x14ac:dyDescent="0.3">
      <c r="C10" s="98" t="s">
        <v>93</v>
      </c>
      <c r="D10" s="97">
        <v>14000</v>
      </c>
      <c r="E10" s="82"/>
      <c r="F10" s="82"/>
      <c r="G10" s="82"/>
      <c r="H10" s="82"/>
      <c r="I10" s="80"/>
      <c r="J10" s="81"/>
    </row>
    <row r="11" spans="2:10" ht="28.8" x14ac:dyDescent="0.3">
      <c r="C11" s="98" t="s">
        <v>88</v>
      </c>
      <c r="D11" s="97">
        <v>4320</v>
      </c>
      <c r="E11" s="82"/>
      <c r="F11" s="82"/>
      <c r="G11" s="82"/>
      <c r="H11" s="82"/>
      <c r="I11" s="80"/>
      <c r="J11" s="81"/>
    </row>
    <row r="12" spans="2:10" ht="15.6" x14ac:dyDescent="0.3">
      <c r="C12" s="98" t="s">
        <v>89</v>
      </c>
      <c r="D12" s="97">
        <v>1500</v>
      </c>
      <c r="E12" s="82"/>
      <c r="F12" s="82"/>
      <c r="G12" s="82"/>
      <c r="H12" s="82"/>
      <c r="I12" s="80"/>
      <c r="J12" s="81"/>
    </row>
    <row r="13" spans="2:10" ht="15.6" x14ac:dyDescent="0.3">
      <c r="C13" s="98" t="s">
        <v>87</v>
      </c>
      <c r="D13" s="97">
        <v>1500</v>
      </c>
      <c r="E13" s="82"/>
      <c r="F13" s="82"/>
      <c r="G13" s="82"/>
      <c r="H13" s="82"/>
      <c r="I13" s="80"/>
      <c r="J13" s="81"/>
    </row>
    <row r="14" spans="2:10" ht="15.6" x14ac:dyDescent="0.3">
      <c r="C14" s="98" t="s">
        <v>90</v>
      </c>
      <c r="D14" s="97">
        <v>1500</v>
      </c>
      <c r="E14" s="82"/>
      <c r="F14" s="82"/>
      <c r="G14" s="82"/>
      <c r="H14" s="82"/>
      <c r="I14" s="80"/>
      <c r="J14" s="81"/>
    </row>
    <row r="15" spans="2:10" x14ac:dyDescent="0.3">
      <c r="D15" s="82"/>
      <c r="E15" s="83">
        <f>SUM(D10:D14)</f>
        <v>22820</v>
      </c>
      <c r="F15" s="82"/>
      <c r="G15" s="82"/>
      <c r="H15" s="82"/>
    </row>
    <row r="16" spans="2:10" x14ac:dyDescent="0.3">
      <c r="D16" s="82"/>
      <c r="E16" s="82"/>
      <c r="F16" s="82"/>
      <c r="G16" s="82"/>
      <c r="H16" s="82"/>
    </row>
    <row r="17" spans="2:8" x14ac:dyDescent="0.3">
      <c r="B17" s="59" t="s">
        <v>53</v>
      </c>
      <c r="D17" s="79">
        <v>10000</v>
      </c>
      <c r="E17" s="82"/>
      <c r="F17" s="82"/>
      <c r="G17" s="82"/>
      <c r="H17" s="82"/>
    </row>
    <row r="18" spans="2:8" x14ac:dyDescent="0.3">
      <c r="D18" s="82"/>
      <c r="E18" s="83">
        <f>D17</f>
        <v>10000</v>
      </c>
      <c r="F18" s="82"/>
      <c r="G18" s="82"/>
      <c r="H18" s="82"/>
    </row>
    <row r="19" spans="2:8" ht="15" thickBot="1" x14ac:dyDescent="0.35">
      <c r="B19" s="59" t="s">
        <v>54</v>
      </c>
      <c r="D19" s="82"/>
      <c r="E19" s="82"/>
      <c r="F19" s="84">
        <f>E15+E18</f>
        <v>32820</v>
      </c>
      <c r="G19" s="82"/>
      <c r="H19" s="82"/>
    </row>
    <row r="20" spans="2:8" ht="15" thickTop="1" x14ac:dyDescent="0.3">
      <c r="D20" s="82"/>
      <c r="E20" s="82"/>
      <c r="F20" s="82"/>
      <c r="G20" s="82"/>
      <c r="H20" s="82"/>
    </row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4" workbookViewId="0">
      <selection activeCell="B38" sqref="B3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55</v>
      </c>
    </row>
    <row r="3" spans="1:8" x14ac:dyDescent="0.3">
      <c r="B3" s="8"/>
    </row>
    <row r="4" spans="1:8" x14ac:dyDescent="0.3">
      <c r="B4">
        <v>2025</v>
      </c>
      <c r="C4" s="35">
        <f>'Accounting Statement'!C16</f>
        <v>34149</v>
      </c>
      <c r="D4">
        <v>2026</v>
      </c>
      <c r="E4" s="35">
        <f>'Accounting Statement'!D16</f>
        <v>35513</v>
      </c>
    </row>
    <row r="6" spans="1:8" x14ac:dyDescent="0.3">
      <c r="D6" t="s">
        <v>31</v>
      </c>
      <c r="E6" s="1">
        <f>E4-C4</f>
        <v>1364</v>
      </c>
    </row>
    <row r="7" spans="1:8" x14ac:dyDescent="0.3">
      <c r="D7" t="s">
        <v>32</v>
      </c>
      <c r="E7" s="6">
        <f>IF(AND(C4=0,E4=0),0,IF(C4=0,1,IF(E4=0,-1,(E4-C4)/C4)))</f>
        <v>3.9942604468652082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33</v>
      </c>
    </row>
    <row r="10" spans="1:8" ht="15" x14ac:dyDescent="0.35">
      <c r="B10" s="19" t="s">
        <v>56</v>
      </c>
    </row>
    <row r="11" spans="1:8" ht="15" x14ac:dyDescent="0.35">
      <c r="B11" s="18" t="s">
        <v>57</v>
      </c>
    </row>
    <row r="12" spans="1:8" s="3" customFormat="1" ht="26.25" customHeight="1" x14ac:dyDescent="0.3">
      <c r="B12" s="4" t="s">
        <v>34</v>
      </c>
      <c r="C12" s="4" t="s">
        <v>35</v>
      </c>
      <c r="D12" s="5" t="s">
        <v>31</v>
      </c>
      <c r="E12" s="91" t="s">
        <v>36</v>
      </c>
      <c r="F12" s="92"/>
      <c r="G12" s="68" t="s">
        <v>58</v>
      </c>
      <c r="H12" s="69" t="s">
        <v>59</v>
      </c>
    </row>
    <row r="13" spans="1:8" s="17" customFormat="1" x14ac:dyDescent="0.3">
      <c r="A13" s="16"/>
      <c r="B13" s="13"/>
      <c r="C13" s="13"/>
      <c r="D13" s="13">
        <f>C13-B13</f>
        <v>0</v>
      </c>
      <c r="E13" s="94"/>
      <c r="F13" s="95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89"/>
      <c r="F14" s="90"/>
    </row>
    <row r="15" spans="1:8" s="11" customFormat="1" x14ac:dyDescent="0.3">
      <c r="B15" s="12"/>
      <c r="C15" s="12"/>
      <c r="D15" s="13">
        <f t="shared" si="0"/>
        <v>0</v>
      </c>
      <c r="E15" s="89"/>
      <c r="F15" s="90"/>
    </row>
    <row r="16" spans="1:8" s="11" customFormat="1" x14ac:dyDescent="0.3">
      <c r="B16" s="12"/>
      <c r="C16" s="12"/>
      <c r="D16" s="13">
        <f t="shared" si="0"/>
        <v>0</v>
      </c>
      <c r="E16" s="89"/>
      <c r="F16" s="90"/>
    </row>
    <row r="17" spans="1:12" s="11" customFormat="1" x14ac:dyDescent="0.3">
      <c r="B17" s="12"/>
      <c r="C17" s="12"/>
      <c r="D17" s="13">
        <f t="shared" si="0"/>
        <v>0</v>
      </c>
      <c r="E17" s="89"/>
      <c r="F17" s="90"/>
    </row>
    <row r="18" spans="1:12" s="11" customFormat="1" x14ac:dyDescent="0.3">
      <c r="B18" s="12"/>
      <c r="C18" s="12"/>
      <c r="D18" s="13">
        <f t="shared" si="0"/>
        <v>0</v>
      </c>
      <c r="E18" s="89"/>
      <c r="F18" s="90"/>
      <c r="L18" s="20"/>
    </row>
    <row r="19" spans="1:12" s="11" customFormat="1" x14ac:dyDescent="0.3">
      <c r="B19" s="12"/>
      <c r="C19" s="12"/>
      <c r="D19" s="13">
        <f t="shared" si="0"/>
        <v>0</v>
      </c>
      <c r="E19" s="89"/>
      <c r="F19" s="90"/>
    </row>
    <row r="20" spans="1:12" s="11" customFormat="1" x14ac:dyDescent="0.3">
      <c r="B20" s="12"/>
      <c r="C20" s="12"/>
      <c r="D20" s="13">
        <f t="shared" si="0"/>
        <v>0</v>
      </c>
      <c r="E20" s="89"/>
      <c r="F20" s="90"/>
    </row>
    <row r="21" spans="1:12" s="11" customFormat="1" x14ac:dyDescent="0.3">
      <c r="B21" s="12"/>
      <c r="C21" s="12"/>
      <c r="D21" s="13">
        <f t="shared" si="0"/>
        <v>0</v>
      </c>
      <c r="E21" s="89"/>
      <c r="F21" s="90"/>
    </row>
    <row r="22" spans="1:12" s="11" customFormat="1" x14ac:dyDescent="0.3">
      <c r="B22" s="12"/>
      <c r="C22" s="12"/>
      <c r="D22" s="13">
        <f t="shared" si="0"/>
        <v>0</v>
      </c>
      <c r="E22" s="89"/>
      <c r="F22" s="90"/>
    </row>
    <row r="23" spans="1:12" s="11" customFormat="1" x14ac:dyDescent="0.3">
      <c r="B23" s="12"/>
      <c r="C23" s="12"/>
      <c r="D23" s="13">
        <f t="shared" si="0"/>
        <v>0</v>
      </c>
      <c r="E23" s="89"/>
      <c r="F23" s="90"/>
    </row>
    <row r="24" spans="1:12" s="11" customFormat="1" x14ac:dyDescent="0.3">
      <c r="B24" s="12"/>
      <c r="C24" s="12"/>
      <c r="D24" s="13">
        <f t="shared" si="0"/>
        <v>0</v>
      </c>
      <c r="E24" s="89"/>
      <c r="F24" s="90"/>
    </row>
    <row r="25" spans="1:12" s="11" customFormat="1" x14ac:dyDescent="0.3">
      <c r="B25" s="12"/>
      <c r="C25" s="12"/>
      <c r="D25" s="13">
        <f t="shared" si="0"/>
        <v>0</v>
      </c>
      <c r="E25" s="89"/>
      <c r="F25" s="90"/>
    </row>
    <row r="26" spans="1:12" s="11" customFormat="1" x14ac:dyDescent="0.3">
      <c r="B26" s="12"/>
      <c r="C26" s="12"/>
      <c r="D26" s="13">
        <f t="shared" si="0"/>
        <v>0</v>
      </c>
      <c r="E26" s="89"/>
      <c r="F26" s="90"/>
    </row>
    <row r="27" spans="1:12" s="11" customFormat="1" x14ac:dyDescent="0.3">
      <c r="B27" s="12"/>
      <c r="C27" s="12"/>
      <c r="D27" s="13">
        <f t="shared" si="0"/>
        <v>0</v>
      </c>
      <c r="E27" s="89"/>
      <c r="F27" s="90"/>
    </row>
    <row r="28" spans="1:12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93"/>
      <c r="F28" s="90"/>
      <c r="G28" s="7"/>
    </row>
    <row r="29" spans="1:12" x14ac:dyDescent="0.3">
      <c r="H29" s="2"/>
    </row>
    <row r="30" spans="1:12" x14ac:dyDescent="0.3">
      <c r="A30" s="14" t="s">
        <v>38</v>
      </c>
      <c r="F30" s="7"/>
    </row>
    <row r="32" spans="1:12" ht="15" x14ac:dyDescent="0.35">
      <c r="B32" s="18" t="s">
        <v>60</v>
      </c>
    </row>
    <row r="33" spans="1:8" x14ac:dyDescent="0.3">
      <c r="B33" t="s">
        <v>61</v>
      </c>
    </row>
    <row r="34" spans="1:8" x14ac:dyDescent="0.3">
      <c r="B34">
        <v>2025</v>
      </c>
      <c r="C34" s="35">
        <f>'Accounting Statement'!C39</f>
        <v>0</v>
      </c>
      <c r="D34">
        <v>2026</v>
      </c>
      <c r="E34" s="35">
        <f>'Accounting Statement'!D39</f>
        <v>0</v>
      </c>
    </row>
    <row r="36" spans="1:8" ht="41.4" x14ac:dyDescent="0.3">
      <c r="A36" s="3"/>
      <c r="B36" s="4" t="s">
        <v>34</v>
      </c>
      <c r="C36" s="4" t="s">
        <v>35</v>
      </c>
      <c r="D36" s="5" t="s">
        <v>31</v>
      </c>
      <c r="E36" s="91" t="s">
        <v>36</v>
      </c>
      <c r="F36" s="92"/>
      <c r="G36" s="68" t="s">
        <v>58</v>
      </c>
      <c r="H36" s="69" t="s">
        <v>59</v>
      </c>
    </row>
    <row r="37" spans="1:8" x14ac:dyDescent="0.3">
      <c r="A37" s="16"/>
      <c r="B37" s="13"/>
      <c r="C37" s="13"/>
      <c r="D37" s="13">
        <f>C37-B37</f>
        <v>0</v>
      </c>
      <c r="E37" s="94"/>
      <c r="F37" s="95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9"/>
      <c r="F38" s="90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9"/>
      <c r="F39" s="90"/>
      <c r="G39" s="11"/>
      <c r="H39" s="11"/>
    </row>
    <row r="40" spans="1:8" x14ac:dyDescent="0.3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93"/>
      <c r="F40" s="90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2</v>
      </c>
    </row>
    <row r="3" spans="1:7" x14ac:dyDescent="0.3">
      <c r="B3" s="8"/>
    </row>
    <row r="4" spans="1:7" x14ac:dyDescent="0.3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3">
      <c r="D6" t="s">
        <v>31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33</v>
      </c>
    </row>
    <row r="10" spans="1:7" ht="15" x14ac:dyDescent="0.35">
      <c r="B10" s="18" t="s">
        <v>63</v>
      </c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91" t="s">
        <v>36</v>
      </c>
      <c r="F11" s="92"/>
    </row>
    <row r="12" spans="1:7" s="17" customFormat="1" x14ac:dyDescent="0.3">
      <c r="A12" s="16"/>
      <c r="B12" s="13"/>
      <c r="C12" s="13"/>
      <c r="D12" s="13">
        <f>C12-B12</f>
        <v>0</v>
      </c>
      <c r="E12" s="94"/>
      <c r="F12" s="95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9"/>
      <c r="F13" s="90"/>
    </row>
    <row r="14" spans="1:7" s="11" customFormat="1" x14ac:dyDescent="0.3">
      <c r="B14" s="12"/>
      <c r="C14" s="12"/>
      <c r="D14" s="13">
        <f t="shared" si="0"/>
        <v>0</v>
      </c>
      <c r="E14" s="89"/>
      <c r="F14" s="90"/>
    </row>
    <row r="15" spans="1:7" s="11" customFormat="1" x14ac:dyDescent="0.3">
      <c r="B15" s="12"/>
      <c r="C15" s="12"/>
      <c r="D15" s="13">
        <f t="shared" si="0"/>
        <v>0</v>
      </c>
      <c r="E15" s="89"/>
      <c r="F15" s="90"/>
    </row>
    <row r="16" spans="1:7" s="11" customFormat="1" x14ac:dyDescent="0.3">
      <c r="B16" s="12"/>
      <c r="C16" s="12"/>
      <c r="D16" s="13">
        <f t="shared" si="0"/>
        <v>0</v>
      </c>
      <c r="E16" s="89"/>
      <c r="F16" s="90"/>
    </row>
    <row r="17" spans="1:8" s="11" customFormat="1" x14ac:dyDescent="0.3">
      <c r="B17" s="12"/>
      <c r="C17" s="12"/>
      <c r="D17" s="13">
        <f t="shared" si="0"/>
        <v>0</v>
      </c>
      <c r="E17" s="89"/>
      <c r="F17" s="90"/>
    </row>
    <row r="18" spans="1:8" s="11" customFormat="1" x14ac:dyDescent="0.3">
      <c r="B18" s="12"/>
      <c r="C18" s="12"/>
      <c r="D18" s="13">
        <f t="shared" si="0"/>
        <v>0</v>
      </c>
      <c r="E18" s="89"/>
      <c r="F18" s="90"/>
    </row>
    <row r="19" spans="1:8" x14ac:dyDescent="0.3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93"/>
      <c r="F19" s="90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customXml/itemProps3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4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Camerton Parish</cp:lastModifiedBy>
  <cp:revision/>
  <dcterms:created xsi:type="dcterms:W3CDTF">2023-03-10T09:35:56Z</dcterms:created>
  <dcterms:modified xsi:type="dcterms:W3CDTF">2026-05-15T11:03:57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